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2="http://schemas.microsoft.com/office/spreadsheetml/2015/revision2" mc:Ignorable="x15 xr2">
  <fileVersion appName="xl" lastEdited="7" lowestEdited="5" rupBuild="18528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Aleks\Downloads\"/>
    </mc:Choice>
  </mc:AlternateContent>
  <bookViews>
    <workbookView xWindow="0" yWindow="0" windowWidth="19200" windowHeight="7530" xr2:uid="{00000000-000D-0000-FFFF-FFFF00000000}"/>
  </bookViews>
  <sheets>
    <sheet name="Plate 1 - Sheet1 (1)" sheetId="2" r:id="rId1"/>
    <sheet name="Sheet1" sheetId="3" r:id="rId2"/>
  </sheets>
  <definedNames>
    <definedName name="MethodPointer">10663408</definedName>
  </definedNames>
  <calcPr calcId="171027"/>
</workbook>
</file>

<file path=xl/sharedStrings.xml><?xml version="1.0" encoding="utf-8"?>
<sst xmlns="http://schemas.openxmlformats.org/spreadsheetml/2006/main" count="52" uniqueCount="43">
  <si>
    <t>Software Version</t>
  </si>
  <si>
    <t>2.07.17</t>
  </si>
  <si>
    <t>Experiment File Path:</t>
  </si>
  <si>
    <t>C:\Users\s134721\Desktop\igem 24-07-2017.xpt</t>
  </si>
  <si>
    <t>Protocol File Path:</t>
  </si>
  <si>
    <t>Plate Number</t>
  </si>
  <si>
    <t>Plate 1</t>
  </si>
  <si>
    <t>Date</t>
  </si>
  <si>
    <t>Time</t>
  </si>
  <si>
    <t>Reader Type:</t>
  </si>
  <si>
    <t>Cytation5</t>
  </si>
  <si>
    <t>Reader Serial Number:</t>
  </si>
  <si>
    <t>Reading Type</t>
  </si>
  <si>
    <t>Reader</t>
  </si>
  <si>
    <t>Procedure Details</t>
  </si>
  <si>
    <t>Plate Type</t>
  </si>
  <si>
    <t>96 WELL PLATE</t>
  </si>
  <si>
    <t>Eject plate on completion</t>
  </si>
  <si>
    <t>Set Temperature</t>
  </si>
  <si>
    <t>Setpoint 37°C, Gradient 0 °C</t>
  </si>
  <si>
    <t>Preheat before moving to next step</t>
  </si>
  <si>
    <t>Read</t>
  </si>
  <si>
    <t>Fluorescence Endpoint</t>
  </si>
  <si>
    <t>Full Plate</t>
  </si>
  <si>
    <t>Filter Set 1</t>
  </si>
  <si>
    <t xml:space="preserve">    Excitation: 366/20,  Emission: 460/20</t>
  </si>
  <si>
    <t xml:space="preserve">    Optics: Top,  Gain: extended</t>
  </si>
  <si>
    <t>Filter Set 2</t>
  </si>
  <si>
    <t xml:space="preserve">    Optics: Bottom,  Gain: extended</t>
  </si>
  <si>
    <t>Light Source: Xenon Flash,  Lamp Energy: High,  Extended Dynamic Range</t>
  </si>
  <si>
    <t>Read Speed: Normal,  Delay: 100 msec,  Measurements/Data Point: 10</t>
  </si>
  <si>
    <t>Read Height: 7 mm</t>
  </si>
  <si>
    <t>Results</t>
  </si>
  <si>
    <t>Actual Temperature:</t>
  </si>
  <si>
    <t>A</t>
  </si>
  <si>
    <t>366,460[2]</t>
  </si>
  <si>
    <t>B</t>
  </si>
  <si>
    <t>C</t>
  </si>
  <si>
    <t>D</t>
  </si>
  <si>
    <t>E</t>
  </si>
  <si>
    <t>F</t>
  </si>
  <si>
    <t>G</t>
  </si>
  <si>
    <t>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0"/>
      <name val="Arial"/>
    </font>
    <font>
      <sz val="10"/>
      <name val="Arial"/>
      <family val="2"/>
    </font>
    <font>
      <b/>
      <u/>
      <sz val="10"/>
      <color rgb="FF000000"/>
      <name val="Arial"/>
      <family val="2"/>
    </font>
    <font>
      <sz val="10"/>
      <color rgb="FF000000"/>
      <name val="Arial"/>
      <family val="2"/>
    </font>
    <font>
      <sz val="10"/>
      <color rgb="FF27413E"/>
      <name val="Arial"/>
      <family val="2"/>
    </font>
    <font>
      <sz val="7"/>
      <color rgb="FF00000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99CCFF"/>
        <bgColor indexed="64"/>
      </patternFill>
    </fill>
    <fill>
      <patternFill patternType="solid">
        <fgColor rgb="FF247CBD"/>
        <bgColor indexed="64"/>
      </patternFill>
    </fill>
    <fill>
      <patternFill patternType="solid">
        <fgColor rgb="FFE8F3FF"/>
        <bgColor indexed="64"/>
      </patternFill>
    </fill>
    <fill>
      <patternFill patternType="solid">
        <fgColor rgb="FF3385C2"/>
        <bgColor indexed="64"/>
      </patternFill>
    </fill>
    <fill>
      <patternFill patternType="solid">
        <fgColor rgb="FFC9E0F4"/>
        <bgColor indexed="64"/>
      </patternFill>
    </fill>
    <fill>
      <patternFill patternType="solid">
        <fgColor rgb="FFD8E9F9"/>
        <bgColor indexed="64"/>
      </patternFill>
    </fill>
  </fills>
  <borders count="4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</borders>
  <cellStyleXfs count="2">
    <xf numFmtId="0" fontId="0" fillId="0" borderId="0"/>
    <xf numFmtId="0" fontId="1" fillId="0" borderId="0"/>
  </cellStyleXfs>
  <cellXfs count="20">
    <xf numFmtId="0" fontId="0" fillId="0" borderId="0" xfId="0"/>
    <xf numFmtId="0" fontId="1" fillId="0" borderId="0" xfId="1"/>
    <xf numFmtId="14" fontId="1" fillId="0" borderId="0" xfId="1" applyNumberFormat="1"/>
    <xf numFmtId="21" fontId="1" fillId="0" borderId="0" xfId="1" applyNumberFormat="1"/>
    <xf numFmtId="0" fontId="2" fillId="0" borderId="0" xfId="1" applyFont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0" fontId="1" fillId="2" borderId="1" xfId="1" applyFill="1" applyBorder="1" applyAlignment="1">
      <alignment vertical="center" wrapText="1"/>
    </xf>
    <xf numFmtId="0" fontId="4" fillId="2" borderId="1" xfId="1" applyFont="1" applyFill="1" applyBorder="1" applyAlignment="1">
      <alignment horizontal="center" vertical="center" wrapText="1"/>
    </xf>
    <xf numFmtId="0" fontId="3" fillId="3" borderId="2" xfId="1" applyFont="1" applyFill="1" applyBorder="1" applyAlignment="1">
      <alignment horizontal="center" vertical="center" wrapText="1"/>
    </xf>
    <xf numFmtId="0" fontId="3" fillId="4" borderId="2" xfId="1" applyFont="1" applyFill="1" applyBorder="1" applyAlignment="1">
      <alignment horizontal="center" vertical="center" wrapText="1"/>
    </xf>
    <xf numFmtId="0" fontId="5" fillId="0" borderId="0" xfId="1" applyFont="1" applyAlignment="1">
      <alignment horizontal="left" vertical="center" wrapText="1"/>
    </xf>
    <xf numFmtId="0" fontId="3" fillId="3" borderId="3" xfId="1" applyFont="1" applyFill="1" applyBorder="1" applyAlignment="1">
      <alignment horizontal="center" vertical="center" wrapText="1"/>
    </xf>
    <xf numFmtId="0" fontId="3" fillId="5" borderId="3" xfId="1" applyFont="1" applyFill="1" applyBorder="1" applyAlignment="1">
      <alignment horizontal="center" vertical="center" wrapText="1"/>
    </xf>
    <xf numFmtId="0" fontId="3" fillId="4" borderId="3" xfId="1" applyFont="1" applyFill="1" applyBorder="1" applyAlignment="1">
      <alignment horizontal="center" vertical="center" wrapText="1"/>
    </xf>
    <xf numFmtId="0" fontId="3" fillId="6" borderId="2" xfId="1" applyFont="1" applyFill="1" applyBorder="1" applyAlignment="1">
      <alignment horizontal="center" vertical="center" wrapText="1"/>
    </xf>
    <xf numFmtId="0" fontId="3" fillId="6" borderId="3" xfId="1" applyFont="1" applyFill="1" applyBorder="1" applyAlignment="1">
      <alignment horizontal="center" vertical="center" wrapText="1"/>
    </xf>
    <xf numFmtId="0" fontId="3" fillId="7" borderId="2" xfId="1" applyFont="1" applyFill="1" applyBorder="1" applyAlignment="1">
      <alignment horizontal="center" vertical="center" wrapText="1"/>
    </xf>
    <xf numFmtId="0" fontId="3" fillId="7" borderId="3" xfId="1" applyFont="1" applyFill="1" applyBorder="1" applyAlignment="1">
      <alignment horizontal="center" vertical="center" wrapText="1"/>
    </xf>
    <xf numFmtId="0" fontId="4" fillId="2" borderId="2" xfId="1" applyFont="1" applyFill="1" applyBorder="1" applyAlignment="1">
      <alignment horizontal="center" vertical="center" wrapText="1"/>
    </xf>
    <xf numFmtId="0" fontId="4" fillId="2" borderId="3" xfId="1" applyFont="1" applyFill="1" applyBorder="1" applyAlignment="1">
      <alignment horizontal="center" vertical="center" wrapText="1"/>
    </xf>
  </cellXfs>
  <cellStyles count="2">
    <cellStyle name="Normal" xfId="0" builtinId="0"/>
    <cellStyle name="Normal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O50"/>
  <sheetViews>
    <sheetView tabSelected="1" topLeftCell="A3" zoomScale="68" workbookViewId="0">
      <selection activeCell="G57" sqref="G57"/>
    </sheetView>
  </sheetViews>
  <sheetFormatPr defaultColWidth="9.1796875" defaultRowHeight="12.5" x14ac:dyDescent="0.25"/>
  <cols>
    <col min="1" max="1" width="20.7265625" style="1" customWidth="1"/>
    <col min="2" max="2" width="12.7265625" style="1" customWidth="1"/>
    <col min="3" max="15" width="9.1796875" style="1"/>
    <col min="16" max="16" width="24.453125" style="1" customWidth="1"/>
    <col min="17" max="17" width="21.54296875" style="1" customWidth="1"/>
    <col min="18" max="16384" width="9.1796875" style="1"/>
  </cols>
  <sheetData>
    <row r="2" spans="1:2" x14ac:dyDescent="0.25">
      <c r="A2" s="1" t="s">
        <v>0</v>
      </c>
      <c r="B2" s="1" t="s">
        <v>1</v>
      </c>
    </row>
    <row r="4" spans="1:2" x14ac:dyDescent="0.25">
      <c r="A4" s="1" t="s">
        <v>2</v>
      </c>
      <c r="B4" s="1" t="s">
        <v>3</v>
      </c>
    </row>
    <row r="5" spans="1:2" x14ac:dyDescent="0.25">
      <c r="A5" s="1" t="s">
        <v>4</v>
      </c>
    </row>
    <row r="6" spans="1:2" x14ac:dyDescent="0.25">
      <c r="A6" s="1" t="s">
        <v>5</v>
      </c>
      <c r="B6" s="1" t="s">
        <v>6</v>
      </c>
    </row>
    <row r="7" spans="1:2" x14ac:dyDescent="0.25">
      <c r="A7" s="1" t="s">
        <v>7</v>
      </c>
      <c r="B7" s="2">
        <v>42940</v>
      </c>
    </row>
    <row r="8" spans="1:2" x14ac:dyDescent="0.25">
      <c r="A8" s="1" t="s">
        <v>8</v>
      </c>
      <c r="B8" s="3">
        <v>0.64550925925925928</v>
      </c>
    </row>
    <row r="9" spans="1:2" x14ac:dyDescent="0.25">
      <c r="A9" s="1" t="s">
        <v>9</v>
      </c>
      <c r="B9" s="1" t="s">
        <v>10</v>
      </c>
    </row>
    <row r="10" spans="1:2" x14ac:dyDescent="0.25">
      <c r="A10" s="1" t="s">
        <v>11</v>
      </c>
      <c r="B10" s="1">
        <v>1505287</v>
      </c>
    </row>
    <row r="11" spans="1:2" x14ac:dyDescent="0.25">
      <c r="A11" s="1" t="s">
        <v>12</v>
      </c>
      <c r="B11" s="1" t="s">
        <v>13</v>
      </c>
    </row>
    <row r="13" spans="1:2" ht="13" x14ac:dyDescent="0.25">
      <c r="A13" s="4" t="s">
        <v>14</v>
      </c>
      <c r="B13" s="5"/>
    </row>
    <row r="14" spans="1:2" x14ac:dyDescent="0.25">
      <c r="A14" s="1" t="s">
        <v>15</v>
      </c>
      <c r="B14" s="1" t="s">
        <v>16</v>
      </c>
    </row>
    <row r="15" spans="1:2" x14ac:dyDescent="0.25">
      <c r="A15" s="1" t="s">
        <v>17</v>
      </c>
    </row>
    <row r="16" spans="1:2" x14ac:dyDescent="0.25">
      <c r="A16" s="1" t="s">
        <v>18</v>
      </c>
      <c r="B16" s="1" t="s">
        <v>19</v>
      </c>
    </row>
    <row r="17" spans="1:2" x14ac:dyDescent="0.25">
      <c r="B17" s="1" t="s">
        <v>20</v>
      </c>
    </row>
    <row r="18" spans="1:2" x14ac:dyDescent="0.25">
      <c r="A18" s="1" t="s">
        <v>21</v>
      </c>
      <c r="B18" s="1" t="s">
        <v>22</v>
      </c>
    </row>
    <row r="19" spans="1:2" x14ac:dyDescent="0.25">
      <c r="B19" s="1" t="s">
        <v>23</v>
      </c>
    </row>
    <row r="20" spans="1:2" x14ac:dyDescent="0.25">
      <c r="B20" s="1" t="s">
        <v>24</v>
      </c>
    </row>
    <row r="21" spans="1:2" x14ac:dyDescent="0.25">
      <c r="B21" s="1" t="s">
        <v>25</v>
      </c>
    </row>
    <row r="22" spans="1:2" x14ac:dyDescent="0.25">
      <c r="B22" s="1" t="s">
        <v>26</v>
      </c>
    </row>
    <row r="23" spans="1:2" x14ac:dyDescent="0.25">
      <c r="B23" s="1" t="s">
        <v>27</v>
      </c>
    </row>
    <row r="24" spans="1:2" x14ac:dyDescent="0.25">
      <c r="B24" s="1" t="s">
        <v>25</v>
      </c>
    </row>
    <row r="25" spans="1:2" x14ac:dyDescent="0.25">
      <c r="B25" s="1" t="s">
        <v>28</v>
      </c>
    </row>
    <row r="26" spans="1:2" x14ac:dyDescent="0.25">
      <c r="B26" s="1" t="s">
        <v>29</v>
      </c>
    </row>
    <row r="27" spans="1:2" x14ac:dyDescent="0.25">
      <c r="B27" s="1" t="s">
        <v>30</v>
      </c>
    </row>
    <row r="28" spans="1:2" x14ac:dyDescent="0.25">
      <c r="B28" s="1" t="s">
        <v>31</v>
      </c>
    </row>
    <row r="30" spans="1:2" ht="13" x14ac:dyDescent="0.25">
      <c r="A30" s="4" t="s">
        <v>32</v>
      </c>
      <c r="B30" s="5"/>
    </row>
    <row r="31" spans="1:2" x14ac:dyDescent="0.25">
      <c r="A31" s="1" t="s">
        <v>33</v>
      </c>
      <c r="B31" s="1">
        <v>37</v>
      </c>
    </row>
    <row r="32" spans="1:2" x14ac:dyDescent="0.25">
      <c r="A32" s="1" t="s">
        <v>33</v>
      </c>
      <c r="B32" s="1">
        <v>37</v>
      </c>
    </row>
    <row r="34" spans="2:15" x14ac:dyDescent="0.25">
      <c r="B34" s="6"/>
      <c r="C34" s="7">
        <v>1</v>
      </c>
      <c r="D34" s="7">
        <v>2</v>
      </c>
      <c r="E34" s="7">
        <v>3</v>
      </c>
      <c r="F34" s="7">
        <v>4</v>
      </c>
      <c r="G34" s="7">
        <v>5</v>
      </c>
      <c r="H34" s="7">
        <v>6</v>
      </c>
      <c r="I34" s="7">
        <v>7</v>
      </c>
      <c r="J34" s="7">
        <v>8</v>
      </c>
      <c r="K34" s="7">
        <v>9</v>
      </c>
      <c r="L34" s="7">
        <v>10</v>
      </c>
      <c r="M34" s="7">
        <v>11</v>
      </c>
      <c r="N34" s="7">
        <v>12</v>
      </c>
    </row>
    <row r="35" spans="2:15" x14ac:dyDescent="0.25">
      <c r="B35" s="18" t="s">
        <v>34</v>
      </c>
      <c r="C35" s="8">
        <v>896601</v>
      </c>
      <c r="D35" s="8">
        <v>885722</v>
      </c>
      <c r="E35" s="9">
        <v>3834</v>
      </c>
      <c r="F35" s="9">
        <v>3492</v>
      </c>
      <c r="G35" s="9">
        <v>3960</v>
      </c>
      <c r="H35" s="9">
        <v>3307</v>
      </c>
      <c r="I35" s="9">
        <v>3212</v>
      </c>
      <c r="J35" s="9">
        <v>3413</v>
      </c>
      <c r="K35" s="9">
        <v>3565</v>
      </c>
      <c r="L35" s="9">
        <v>3532</v>
      </c>
      <c r="M35" s="9">
        <v>3509</v>
      </c>
      <c r="N35" s="9">
        <v>4278</v>
      </c>
      <c r="O35" s="10">
        <v>366.46</v>
      </c>
    </row>
    <row r="36" spans="2:15" x14ac:dyDescent="0.25">
      <c r="B36" s="19"/>
      <c r="C36" s="11">
        <v>670939</v>
      </c>
      <c r="D36" s="12">
        <v>604042</v>
      </c>
      <c r="E36" s="13">
        <v>9738</v>
      </c>
      <c r="F36" s="13">
        <v>8430</v>
      </c>
      <c r="G36" s="13">
        <v>9643</v>
      </c>
      <c r="H36" s="13">
        <v>8153</v>
      </c>
      <c r="I36" s="13">
        <v>8287</v>
      </c>
      <c r="J36" s="13">
        <v>8366</v>
      </c>
      <c r="K36" s="13">
        <v>8986</v>
      </c>
      <c r="L36" s="13">
        <v>8532</v>
      </c>
      <c r="M36" s="13">
        <v>8582</v>
      </c>
      <c r="N36" s="13">
        <v>10560</v>
      </c>
      <c r="O36" s="10" t="s">
        <v>35</v>
      </c>
    </row>
    <row r="37" spans="2:15" x14ac:dyDescent="0.25">
      <c r="B37" s="18" t="s">
        <v>36</v>
      </c>
      <c r="C37" s="14">
        <v>190474</v>
      </c>
      <c r="D37" s="14">
        <v>180524</v>
      </c>
      <c r="E37" s="9">
        <v>3896</v>
      </c>
      <c r="F37" s="9">
        <v>3136</v>
      </c>
      <c r="G37" s="9">
        <v>3377</v>
      </c>
      <c r="H37" s="9">
        <v>3519</v>
      </c>
      <c r="I37" s="9">
        <v>3266</v>
      </c>
      <c r="J37" s="9">
        <v>3411</v>
      </c>
      <c r="K37" s="9">
        <v>3170</v>
      </c>
      <c r="L37" s="9">
        <v>3351</v>
      </c>
      <c r="M37" s="9">
        <v>3208</v>
      </c>
      <c r="N37" s="9">
        <v>3406</v>
      </c>
      <c r="O37" s="10">
        <v>366.46</v>
      </c>
    </row>
    <row r="38" spans="2:15" x14ac:dyDescent="0.25">
      <c r="B38" s="19"/>
      <c r="C38" s="15">
        <v>147151</v>
      </c>
      <c r="D38" s="15">
        <v>134770</v>
      </c>
      <c r="E38" s="13">
        <v>9520</v>
      </c>
      <c r="F38" s="13">
        <v>7815</v>
      </c>
      <c r="G38" s="13">
        <v>8294</v>
      </c>
      <c r="H38" s="13">
        <v>8652</v>
      </c>
      <c r="I38" s="13">
        <v>8023</v>
      </c>
      <c r="J38" s="13">
        <v>8480</v>
      </c>
      <c r="K38" s="13">
        <v>8045</v>
      </c>
      <c r="L38" s="13">
        <v>8464</v>
      </c>
      <c r="M38" s="13">
        <v>8104</v>
      </c>
      <c r="N38" s="13">
        <v>8485</v>
      </c>
      <c r="O38" s="10" t="s">
        <v>35</v>
      </c>
    </row>
    <row r="39" spans="2:15" x14ac:dyDescent="0.25">
      <c r="B39" s="18" t="s">
        <v>37</v>
      </c>
      <c r="C39" s="16">
        <v>98310</v>
      </c>
      <c r="D39" s="16">
        <v>96763</v>
      </c>
      <c r="E39" s="9">
        <v>3412</v>
      </c>
      <c r="F39" s="9">
        <v>3532</v>
      </c>
      <c r="G39" s="9">
        <v>3720</v>
      </c>
      <c r="H39" s="9">
        <v>3516</v>
      </c>
      <c r="I39" s="9">
        <v>3483</v>
      </c>
      <c r="J39" s="9">
        <v>3375</v>
      </c>
      <c r="K39" s="9">
        <v>3403</v>
      </c>
      <c r="L39" s="9">
        <v>3211</v>
      </c>
      <c r="M39" s="9">
        <v>3618</v>
      </c>
      <c r="N39" s="9">
        <v>3418</v>
      </c>
      <c r="O39" s="10">
        <v>366.46</v>
      </c>
    </row>
    <row r="40" spans="2:15" x14ac:dyDescent="0.25">
      <c r="B40" s="19"/>
      <c r="C40" s="17">
        <v>75744</v>
      </c>
      <c r="D40" s="17">
        <v>69582</v>
      </c>
      <c r="E40" s="13">
        <v>8418</v>
      </c>
      <c r="F40" s="13">
        <v>8900</v>
      </c>
      <c r="G40" s="13">
        <v>9169</v>
      </c>
      <c r="H40" s="13">
        <v>8791</v>
      </c>
      <c r="I40" s="13">
        <v>8539</v>
      </c>
      <c r="J40" s="13">
        <v>8298</v>
      </c>
      <c r="K40" s="13">
        <v>8491</v>
      </c>
      <c r="L40" s="13">
        <v>8105</v>
      </c>
      <c r="M40" s="13">
        <v>8843</v>
      </c>
      <c r="N40" s="13">
        <v>8364</v>
      </c>
      <c r="O40" s="10" t="s">
        <v>35</v>
      </c>
    </row>
    <row r="41" spans="2:15" x14ac:dyDescent="0.25">
      <c r="B41" s="18" t="s">
        <v>38</v>
      </c>
      <c r="C41" s="9">
        <v>16382</v>
      </c>
      <c r="D41" s="9">
        <v>16299</v>
      </c>
      <c r="E41" s="9">
        <v>3228</v>
      </c>
      <c r="F41" s="9">
        <v>3374</v>
      </c>
      <c r="G41" s="9">
        <v>3340</v>
      </c>
      <c r="H41" s="9">
        <v>3596</v>
      </c>
      <c r="I41" s="9">
        <v>3679</v>
      </c>
      <c r="J41" s="9">
        <v>3346</v>
      </c>
      <c r="K41" s="9">
        <v>3353</v>
      </c>
      <c r="L41" s="9">
        <v>4090</v>
      </c>
      <c r="M41" s="9">
        <v>3450</v>
      </c>
      <c r="N41" s="9">
        <v>3423</v>
      </c>
      <c r="O41" s="10">
        <v>366.46</v>
      </c>
    </row>
    <row r="42" spans="2:15" x14ac:dyDescent="0.25">
      <c r="B42" s="19"/>
      <c r="C42" s="13">
        <v>16858</v>
      </c>
      <c r="D42" s="13">
        <v>16024</v>
      </c>
      <c r="E42" s="13">
        <v>8140</v>
      </c>
      <c r="F42" s="13">
        <v>8536</v>
      </c>
      <c r="G42" s="13">
        <v>8558</v>
      </c>
      <c r="H42" s="13">
        <v>8949</v>
      </c>
      <c r="I42" s="13">
        <v>9011</v>
      </c>
      <c r="J42" s="13">
        <v>8311</v>
      </c>
      <c r="K42" s="13">
        <v>8209</v>
      </c>
      <c r="L42" s="13">
        <v>9889</v>
      </c>
      <c r="M42" s="13">
        <v>8624</v>
      </c>
      <c r="N42" s="13">
        <v>8537</v>
      </c>
      <c r="O42" s="10" t="s">
        <v>35</v>
      </c>
    </row>
    <row r="43" spans="2:15" x14ac:dyDescent="0.25">
      <c r="B43" s="18" t="s">
        <v>39</v>
      </c>
      <c r="C43" s="9">
        <v>6978</v>
      </c>
      <c r="D43" s="9">
        <v>7386</v>
      </c>
      <c r="E43" s="9">
        <v>3470</v>
      </c>
      <c r="F43" s="9">
        <v>3456</v>
      </c>
      <c r="G43" s="9">
        <v>3640</v>
      </c>
      <c r="H43" s="9">
        <v>3338</v>
      </c>
      <c r="I43" s="9">
        <v>3274</v>
      </c>
      <c r="J43" s="9">
        <v>3325</v>
      </c>
      <c r="K43" s="9">
        <v>3349</v>
      </c>
      <c r="L43" s="9">
        <v>3585</v>
      </c>
      <c r="M43" s="9">
        <v>3541</v>
      </c>
      <c r="N43" s="9">
        <v>3902</v>
      </c>
      <c r="O43" s="10">
        <v>366.46</v>
      </c>
    </row>
    <row r="44" spans="2:15" x14ac:dyDescent="0.25">
      <c r="B44" s="19"/>
      <c r="C44" s="13">
        <v>9080</v>
      </c>
      <c r="D44" s="13">
        <v>9507</v>
      </c>
      <c r="E44" s="13">
        <v>8442</v>
      </c>
      <c r="F44" s="13">
        <v>8524</v>
      </c>
      <c r="G44" s="13">
        <v>8982</v>
      </c>
      <c r="H44" s="13">
        <v>8256</v>
      </c>
      <c r="I44" s="13">
        <v>8184</v>
      </c>
      <c r="J44" s="13">
        <v>8340</v>
      </c>
      <c r="K44" s="13">
        <v>8458</v>
      </c>
      <c r="L44" s="13">
        <v>8705</v>
      </c>
      <c r="M44" s="13">
        <v>8809</v>
      </c>
      <c r="N44" s="13">
        <v>10852</v>
      </c>
      <c r="O44" s="10" t="s">
        <v>35</v>
      </c>
    </row>
    <row r="45" spans="2:15" x14ac:dyDescent="0.25">
      <c r="B45" s="18" t="s">
        <v>40</v>
      </c>
      <c r="C45" s="9">
        <v>6087</v>
      </c>
      <c r="D45" s="9">
        <v>5981</v>
      </c>
      <c r="E45" s="9">
        <v>3282</v>
      </c>
      <c r="F45" s="9">
        <v>3289</v>
      </c>
      <c r="G45" s="9">
        <v>3646</v>
      </c>
      <c r="H45" s="9">
        <v>3503</v>
      </c>
      <c r="I45" s="9">
        <v>3291</v>
      </c>
      <c r="J45" s="9">
        <v>3246</v>
      </c>
      <c r="K45" s="9">
        <v>3596</v>
      </c>
      <c r="L45" s="9">
        <v>3673</v>
      </c>
      <c r="M45" s="9">
        <v>4053</v>
      </c>
      <c r="N45" s="9">
        <v>3731</v>
      </c>
      <c r="O45" s="10">
        <v>366.46</v>
      </c>
    </row>
    <row r="46" spans="2:15" x14ac:dyDescent="0.25">
      <c r="B46" s="19"/>
      <c r="C46" s="13">
        <v>9140</v>
      </c>
      <c r="D46" s="13">
        <v>8378</v>
      </c>
      <c r="E46" s="13">
        <v>8143</v>
      </c>
      <c r="F46" s="13">
        <v>8080</v>
      </c>
      <c r="G46" s="13">
        <v>9048</v>
      </c>
      <c r="H46" s="13">
        <v>8611</v>
      </c>
      <c r="I46" s="13">
        <v>8121</v>
      </c>
      <c r="J46" s="13">
        <v>8054</v>
      </c>
      <c r="K46" s="13">
        <v>9280</v>
      </c>
      <c r="L46" s="13">
        <v>8769</v>
      </c>
      <c r="M46" s="13">
        <v>9780</v>
      </c>
      <c r="N46" s="13">
        <v>8929</v>
      </c>
      <c r="O46" s="10" t="s">
        <v>35</v>
      </c>
    </row>
    <row r="47" spans="2:15" x14ac:dyDescent="0.25">
      <c r="B47" s="18" t="s">
        <v>41</v>
      </c>
      <c r="C47" s="9">
        <v>3319</v>
      </c>
      <c r="D47" s="9">
        <v>3476</v>
      </c>
      <c r="E47" s="9">
        <v>3524</v>
      </c>
      <c r="F47" s="9">
        <v>3569</v>
      </c>
      <c r="G47" s="9">
        <v>3369</v>
      </c>
      <c r="H47" s="9">
        <v>3808</v>
      </c>
      <c r="I47" s="9">
        <v>3613</v>
      </c>
      <c r="J47" s="9">
        <v>3466</v>
      </c>
      <c r="K47" s="9">
        <v>3425</v>
      </c>
      <c r="L47" s="9">
        <v>3692</v>
      </c>
      <c r="M47" s="9">
        <v>3803</v>
      </c>
      <c r="N47" s="9">
        <v>3833</v>
      </c>
      <c r="O47" s="10">
        <v>366.46</v>
      </c>
    </row>
    <row r="48" spans="2:15" x14ac:dyDescent="0.25">
      <c r="B48" s="19"/>
      <c r="C48" s="13">
        <v>8340</v>
      </c>
      <c r="D48" s="13">
        <v>8440</v>
      </c>
      <c r="E48" s="13">
        <v>8444</v>
      </c>
      <c r="F48" s="13">
        <v>8537</v>
      </c>
      <c r="G48" s="13">
        <v>8374</v>
      </c>
      <c r="H48" s="13">
        <v>9195</v>
      </c>
      <c r="I48" s="13">
        <v>8928</v>
      </c>
      <c r="J48" s="13">
        <v>8553</v>
      </c>
      <c r="K48" s="13">
        <v>8404</v>
      </c>
      <c r="L48" s="13">
        <v>9150</v>
      </c>
      <c r="M48" s="13">
        <v>9071</v>
      </c>
      <c r="N48" s="13">
        <v>9209</v>
      </c>
      <c r="O48" s="10" t="s">
        <v>35</v>
      </c>
    </row>
    <row r="49" spans="2:15" x14ac:dyDescent="0.25">
      <c r="B49" s="18" t="s">
        <v>42</v>
      </c>
      <c r="C49" s="9">
        <v>3613</v>
      </c>
      <c r="D49" s="9">
        <v>3530</v>
      </c>
      <c r="E49" s="9">
        <v>3536</v>
      </c>
      <c r="F49" s="9">
        <v>3641</v>
      </c>
      <c r="G49" s="9">
        <v>3593</v>
      </c>
      <c r="H49" s="9">
        <v>3779</v>
      </c>
      <c r="I49" s="9">
        <v>3910</v>
      </c>
      <c r="J49" s="9">
        <v>3830</v>
      </c>
      <c r="K49" s="9">
        <v>3795</v>
      </c>
      <c r="L49" s="9">
        <v>3575</v>
      </c>
      <c r="M49" s="9">
        <v>3621</v>
      </c>
      <c r="N49" s="9">
        <v>3771</v>
      </c>
      <c r="O49" s="10">
        <v>366.46</v>
      </c>
    </row>
    <row r="50" spans="2:15" x14ac:dyDescent="0.25">
      <c r="B50" s="19"/>
      <c r="C50" s="13">
        <v>8796</v>
      </c>
      <c r="D50" s="13">
        <v>8803</v>
      </c>
      <c r="E50" s="13">
        <v>8802</v>
      </c>
      <c r="F50" s="13">
        <v>8957</v>
      </c>
      <c r="G50" s="13">
        <v>8941</v>
      </c>
      <c r="H50" s="13">
        <v>9130</v>
      </c>
      <c r="I50" s="13">
        <v>9422</v>
      </c>
      <c r="J50" s="13">
        <v>9102</v>
      </c>
      <c r="K50" s="13">
        <v>9347</v>
      </c>
      <c r="L50" s="13">
        <v>8798</v>
      </c>
      <c r="M50" s="13">
        <v>8863</v>
      </c>
      <c r="N50" s="13">
        <v>8959</v>
      </c>
      <c r="O50" s="10" t="s">
        <v>35</v>
      </c>
    </row>
  </sheetData>
  <mergeCells count="8">
    <mergeCell ref="B47:B48"/>
    <mergeCell ref="B49:B50"/>
    <mergeCell ref="B35:B36"/>
    <mergeCell ref="B37:B38"/>
    <mergeCell ref="B39:B40"/>
    <mergeCell ref="B41:B42"/>
    <mergeCell ref="B43:B44"/>
    <mergeCell ref="B45:B46"/>
  </mergeCells>
  <pageMargins left="0.75" right="0.75" top="1" bottom="1" header="0.5" footer="0.5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2.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Plate 1 - Sheet1 (1)</vt:lpstr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thrine Agnete Larsen</dc:creator>
  <cp:lastModifiedBy>Aleksander Moldt Haack</cp:lastModifiedBy>
  <dcterms:created xsi:type="dcterms:W3CDTF">2011-01-18T20:51:17Z</dcterms:created>
  <dcterms:modified xsi:type="dcterms:W3CDTF">2017-11-01T15:28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utoMacroName">
    <vt:lpwstr>None</vt:lpwstr>
  </property>
  <property fmtid="{D5CDD505-2E9C-101B-9397-08002B2CF9AE}" pid="3" name="LastEdited">
    <vt:lpwstr>14.0</vt:lpwstr>
  </property>
</Properties>
</file>